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-15" yWindow="0" windowWidth="10320" windowHeight="8085"/>
  </bookViews>
  <sheets>
    <sheet name="11" sheetId="11" r:id="rId1"/>
  </sheets>
  <definedNames>
    <definedName name="_xlnm.Print_Area" localSheetId="0">'11'!$A$1:$G$56</definedName>
  </definedNames>
  <calcPr calcId="162913"/>
</workbook>
</file>

<file path=xl/sharedStrings.xml><?xml version="1.0" encoding="utf-8"?>
<sst xmlns="http://schemas.openxmlformats.org/spreadsheetml/2006/main" count="159" uniqueCount="23">
  <si>
    <t>計</t>
    <rPh sb="0" eb="1">
      <t>ケイ</t>
    </rPh>
    <phoneticPr fontId="2"/>
  </si>
  <si>
    <t>斐伊川</t>
    <rPh sb="0" eb="3">
      <t>ヒイカワ</t>
    </rPh>
    <phoneticPr fontId="2"/>
  </si>
  <si>
    <t>江の川下流</t>
    <rPh sb="0" eb="1">
      <t>ゴウ</t>
    </rPh>
    <rPh sb="2" eb="3">
      <t>カワ</t>
    </rPh>
    <rPh sb="3" eb="5">
      <t>カリュウ</t>
    </rPh>
    <phoneticPr fontId="2"/>
  </si>
  <si>
    <t>高津川</t>
    <rPh sb="0" eb="2">
      <t>タカツ</t>
    </rPh>
    <rPh sb="2" eb="3">
      <t>ガワ</t>
    </rPh>
    <phoneticPr fontId="2"/>
  </si>
  <si>
    <t>大臣認定</t>
    <rPh sb="0" eb="1">
      <t>ダイ</t>
    </rPh>
    <rPh sb="1" eb="2">
      <t>シン</t>
    </rPh>
    <rPh sb="2" eb="3">
      <t>ニン</t>
    </rPh>
    <rPh sb="3" eb="4">
      <t>サダム</t>
    </rPh>
    <phoneticPr fontId="2"/>
  </si>
  <si>
    <t>県知事認定</t>
    <rPh sb="0" eb="1">
      <t>ケン</t>
    </rPh>
    <rPh sb="1" eb="2">
      <t>チ</t>
    </rPh>
    <rPh sb="2" eb="3">
      <t>コト</t>
    </rPh>
    <rPh sb="3" eb="4">
      <t>シノブ</t>
    </rPh>
    <rPh sb="4" eb="5">
      <t>サダム</t>
    </rPh>
    <phoneticPr fontId="2"/>
  </si>
  <si>
    <t>計画区</t>
    <rPh sb="0" eb="2">
      <t>ケイカク</t>
    </rPh>
    <rPh sb="2" eb="3">
      <t>ク</t>
    </rPh>
    <phoneticPr fontId="2"/>
  </si>
  <si>
    <t>地方機関</t>
  </si>
  <si>
    <t>属   人</t>
    <rPh sb="0" eb="1">
      <t>ゾク</t>
    </rPh>
    <rPh sb="4" eb="5">
      <t>ヒト</t>
    </rPh>
    <phoneticPr fontId="2"/>
  </si>
  <si>
    <t>重   複</t>
    <rPh sb="0" eb="1">
      <t>シゲ</t>
    </rPh>
    <rPh sb="4" eb="5">
      <t>フク</t>
    </rPh>
    <phoneticPr fontId="2"/>
  </si>
  <si>
    <t>県計</t>
    <rPh sb="0" eb="1">
      <t>ケン</t>
    </rPh>
    <rPh sb="1" eb="2">
      <t>ケイ</t>
    </rPh>
    <phoneticPr fontId="2"/>
  </si>
  <si>
    <t>林　班</t>
    <rPh sb="0" eb="1">
      <t>リン</t>
    </rPh>
    <rPh sb="2" eb="3">
      <t>ハン</t>
    </rPh>
    <phoneticPr fontId="2"/>
  </si>
  <si>
    <t>区　域</t>
    <rPh sb="0" eb="1">
      <t>ク</t>
    </rPh>
    <rPh sb="2" eb="3">
      <t>イキ</t>
    </rPh>
    <phoneticPr fontId="2"/>
  </si>
  <si>
    <t>属地（林班･区域）属人</t>
    <rPh sb="0" eb="2">
      <t>ゾクチ</t>
    </rPh>
    <rPh sb="3" eb="4">
      <t>リン</t>
    </rPh>
    <rPh sb="4" eb="5">
      <t>ハン</t>
    </rPh>
    <rPh sb="6" eb="8">
      <t>クイキ</t>
    </rPh>
    <rPh sb="9" eb="11">
      <t>ゾクジン</t>
    </rPh>
    <phoneticPr fontId="2"/>
  </si>
  <si>
    <t>松江</t>
    <rPh sb="0" eb="1">
      <t>マツ</t>
    </rPh>
    <rPh sb="1" eb="2">
      <t>エ</t>
    </rPh>
    <phoneticPr fontId="2"/>
  </si>
  <si>
    <t>雲南</t>
    <rPh sb="0" eb="1">
      <t>クモ</t>
    </rPh>
    <rPh sb="1" eb="2">
      <t>ミナミ</t>
    </rPh>
    <phoneticPr fontId="2"/>
  </si>
  <si>
    <t>出雲</t>
    <rPh sb="0" eb="1">
      <t>デ</t>
    </rPh>
    <rPh sb="1" eb="2">
      <t>クモ</t>
    </rPh>
    <phoneticPr fontId="2"/>
  </si>
  <si>
    <t>県央　　　　</t>
    <rPh sb="0" eb="1">
      <t>ケン</t>
    </rPh>
    <rPh sb="1" eb="2">
      <t>ヒサシ</t>
    </rPh>
    <phoneticPr fontId="2"/>
  </si>
  <si>
    <t>浜田</t>
    <rPh sb="0" eb="1">
      <t>ハマ</t>
    </rPh>
    <rPh sb="1" eb="2">
      <t>タ</t>
    </rPh>
    <phoneticPr fontId="2"/>
  </si>
  <si>
    <t>益田</t>
    <rPh sb="0" eb="1">
      <t>エキ</t>
    </rPh>
    <rPh sb="1" eb="2">
      <t>タ</t>
    </rPh>
    <phoneticPr fontId="2"/>
  </si>
  <si>
    <t>隠岐</t>
    <rPh sb="0" eb="1">
      <t>イン</t>
    </rPh>
    <rPh sb="1" eb="2">
      <t>チマタ</t>
    </rPh>
    <phoneticPr fontId="2"/>
  </si>
  <si>
    <t>件数</t>
    <phoneticPr fontId="2"/>
  </si>
  <si>
    <t>面積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77" formatCode="0_);[Red]\(0\)"/>
    <numFmt numFmtId="179" formatCode="#,##0_);\(#,##0\)"/>
    <numFmt numFmtId="183" formatCode="#,##0_);[Red]\(#,##0\)"/>
  </numFmts>
  <fonts count="12" x14ac:knownFonts="1">
    <font>
      <sz val="12"/>
      <name val="ＭＳ Ｐゴシック"/>
      <family val="3"/>
      <charset val="128"/>
    </font>
    <font>
      <sz val="12"/>
      <name val="ＭＳ Ｐ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1"/>
      <name val="ＭＳ Ｐゴシック"/>
      <family val="3"/>
      <charset val="128"/>
    </font>
    <font>
      <sz val="9"/>
      <name val="ＭＳ Ｐ明朝"/>
      <family val="1"/>
      <charset val="128"/>
    </font>
    <font>
      <sz val="12"/>
      <name val="ＭＳ Ｐゴシック"/>
      <family val="3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6"/>
      <name val="ＭＳ 明朝"/>
      <family val="1"/>
      <charset val="128"/>
    </font>
    <font>
      <sz val="16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7">
    <border>
      <left/>
      <right/>
      <top/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/>
      <bottom/>
      <diagonal/>
    </border>
    <border>
      <left/>
      <right style="double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/>
    <xf numFmtId="0" fontId="6" fillId="0" borderId="0"/>
  </cellStyleXfs>
  <cellXfs count="71">
    <xf numFmtId="0" fontId="0" fillId="0" borderId="0" xfId="0" applyAlignment="1"/>
    <xf numFmtId="3" fontId="1" fillId="0" borderId="0" xfId="0" applyNumberFormat="1" applyFont="1" applyBorder="1" applyAlignment="1"/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0" xfId="0" applyFont="1" applyFill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/>
    <xf numFmtId="0" fontId="8" fillId="0" borderId="0" xfId="0" applyFont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0" xfId="0" applyFont="1" applyFill="1" applyAlignment="1">
      <alignment vertical="center"/>
    </xf>
    <xf numFmtId="0" fontId="8" fillId="0" borderId="0" xfId="0" applyFont="1" applyBorder="1" applyAlignment="1">
      <alignment horizontal="center" vertical="center"/>
    </xf>
    <xf numFmtId="0" fontId="1" fillId="0" borderId="0" xfId="0" applyFont="1" applyBorder="1" applyAlignment="1">
      <alignment horizontal="center"/>
    </xf>
    <xf numFmtId="183" fontId="1" fillId="0" borderId="0" xfId="1" applyNumberFormat="1" applyFont="1" applyBorder="1"/>
    <xf numFmtId="183" fontId="1" fillId="0" borderId="0" xfId="1" applyNumberFormat="1" applyFont="1" applyFill="1" applyBorder="1"/>
    <xf numFmtId="179" fontId="8" fillId="0" borderId="0" xfId="0" applyNumberFormat="1" applyFont="1" applyAlignment="1">
      <alignment vertical="center"/>
    </xf>
    <xf numFmtId="0" fontId="7" fillId="0" borderId="0" xfId="0" applyFont="1" applyAlignment="1">
      <alignment vertical="center"/>
    </xf>
    <xf numFmtId="49" fontId="9" fillId="0" borderId="0" xfId="0" applyNumberFormat="1" applyFont="1" applyAlignment="1">
      <alignment horizontal="right" vertical="top"/>
    </xf>
    <xf numFmtId="0" fontId="7" fillId="0" borderId="0" xfId="0" applyFont="1" applyAlignment="1">
      <alignment vertical="top" wrapText="1"/>
    </xf>
    <xf numFmtId="0" fontId="11" fillId="0" borderId="1" xfId="0" applyFont="1" applyBorder="1" applyAlignment="1">
      <alignment horizontal="center"/>
    </xf>
    <xf numFmtId="183" fontId="11" fillId="0" borderId="2" xfId="1" applyNumberFormat="1" applyFont="1" applyFill="1" applyBorder="1"/>
    <xf numFmtId="0" fontId="11" fillId="0" borderId="3" xfId="0" applyFont="1" applyBorder="1" applyAlignment="1">
      <alignment horizontal="center"/>
    </xf>
    <xf numFmtId="183" fontId="11" fillId="0" borderId="4" xfId="1" applyNumberFormat="1" applyFont="1" applyFill="1" applyBorder="1"/>
    <xf numFmtId="183" fontId="11" fillId="0" borderId="4" xfId="1" applyNumberFormat="1" applyFont="1" applyFill="1" applyBorder="1" applyAlignment="1">
      <alignment horizontal="right"/>
    </xf>
    <xf numFmtId="183" fontId="11" fillId="0" borderId="5" xfId="1" applyNumberFormat="1" applyFont="1" applyFill="1" applyBorder="1" applyAlignment="1">
      <alignment horizontal="right"/>
    </xf>
    <xf numFmtId="41" fontId="11" fillId="0" borderId="4" xfId="1" applyNumberFormat="1" applyFont="1" applyFill="1" applyBorder="1"/>
    <xf numFmtId="41" fontId="11" fillId="0" borderId="5" xfId="1" applyNumberFormat="1" applyFont="1" applyFill="1" applyBorder="1"/>
    <xf numFmtId="0" fontId="11" fillId="0" borderId="6" xfId="0" applyFont="1" applyBorder="1" applyAlignment="1">
      <alignment horizontal="center"/>
    </xf>
    <xf numFmtId="183" fontId="11" fillId="0" borderId="7" xfId="1" applyNumberFormat="1" applyFont="1" applyBorder="1"/>
    <xf numFmtId="183" fontId="11" fillId="0" borderId="7" xfId="1" applyNumberFormat="1" applyFont="1" applyFill="1" applyBorder="1"/>
    <xf numFmtId="41" fontId="11" fillId="0" borderId="2" xfId="1" applyNumberFormat="1" applyFont="1" applyFill="1" applyBorder="1"/>
    <xf numFmtId="41" fontId="11" fillId="0" borderId="8" xfId="1" applyNumberFormat="1" applyFont="1" applyFill="1" applyBorder="1"/>
    <xf numFmtId="0" fontId="10" fillId="0" borderId="9" xfId="0" applyFont="1" applyBorder="1" applyAlignment="1">
      <alignment vertical="center"/>
    </xf>
    <xf numFmtId="0" fontId="11" fillId="0" borderId="10" xfId="0" applyFont="1" applyBorder="1" applyAlignment="1">
      <alignment horizontal="center"/>
    </xf>
    <xf numFmtId="183" fontId="11" fillId="0" borderId="11" xfId="1" applyNumberFormat="1" applyFont="1" applyFill="1" applyBorder="1"/>
    <xf numFmtId="183" fontId="11" fillId="0" borderId="11" xfId="1" applyNumberFormat="1" applyFont="1" applyBorder="1"/>
    <xf numFmtId="41" fontId="11" fillId="0" borderId="4" xfId="1" applyNumberFormat="1" applyFont="1" applyFill="1" applyBorder="1" applyAlignment="1">
      <alignment horizontal="right"/>
    </xf>
    <xf numFmtId="41" fontId="11" fillId="0" borderId="5" xfId="1" applyNumberFormat="1" applyFont="1" applyFill="1" applyBorder="1" applyAlignment="1">
      <alignment horizontal="right"/>
    </xf>
    <xf numFmtId="41" fontId="11" fillId="0" borderId="7" xfId="1" applyNumberFormat="1" applyFont="1" applyBorder="1"/>
    <xf numFmtId="0" fontId="11" fillId="0" borderId="12" xfId="0" applyFont="1" applyBorder="1" applyAlignment="1">
      <alignment horizontal="center"/>
    </xf>
    <xf numFmtId="183" fontId="11" fillId="0" borderId="8" xfId="0" applyNumberFormat="1" applyFont="1" applyBorder="1" applyAlignment="1"/>
    <xf numFmtId="183" fontId="11" fillId="0" borderId="4" xfId="0" applyNumberFormat="1" applyFont="1" applyBorder="1" applyAlignment="1"/>
    <xf numFmtId="183" fontId="11" fillId="0" borderId="5" xfId="0" applyNumberFormat="1" applyFont="1" applyBorder="1" applyAlignment="1"/>
    <xf numFmtId="0" fontId="11" fillId="0" borderId="1" xfId="0" applyFont="1" applyFill="1" applyBorder="1" applyAlignment="1">
      <alignment horizontal="center"/>
    </xf>
    <xf numFmtId="0" fontId="11" fillId="0" borderId="3" xfId="0" applyFont="1" applyFill="1" applyBorder="1" applyAlignment="1">
      <alignment horizontal="center"/>
    </xf>
    <xf numFmtId="0" fontId="11" fillId="0" borderId="6" xfId="0" applyFont="1" applyFill="1" applyBorder="1" applyAlignment="1">
      <alignment horizontal="center"/>
    </xf>
    <xf numFmtId="0" fontId="1" fillId="0" borderId="0" xfId="0" applyFont="1" applyAlignment="1">
      <alignment horizontal="right" vertical="top"/>
    </xf>
    <xf numFmtId="0" fontId="1" fillId="0" borderId="0" xfId="0" applyFont="1" applyBorder="1" applyAlignment="1">
      <alignment horizontal="center" vertical="center"/>
    </xf>
    <xf numFmtId="0" fontId="10" fillId="0" borderId="8" xfId="0" applyFont="1" applyBorder="1" applyAlignment="1">
      <alignment vertical="center"/>
    </xf>
    <xf numFmtId="0" fontId="10" fillId="0" borderId="13" xfId="0" applyFont="1" applyBorder="1" applyAlignment="1">
      <alignment vertical="center"/>
    </xf>
    <xf numFmtId="0" fontId="11" fillId="0" borderId="1" xfId="0" applyFont="1" applyBorder="1" applyAlignment="1">
      <alignment vertical="center" wrapText="1"/>
    </xf>
    <xf numFmtId="0" fontId="11" fillId="0" borderId="14" xfId="0" applyFont="1" applyBorder="1" applyAlignment="1">
      <alignment vertical="center"/>
    </xf>
    <xf numFmtId="0" fontId="11" fillId="0" borderId="11" xfId="0" applyFont="1" applyBorder="1" applyAlignment="1">
      <alignment vertical="center" wrapText="1"/>
    </xf>
    <xf numFmtId="0" fontId="10" fillId="0" borderId="11" xfId="0" applyFont="1" applyBorder="1" applyAlignment="1">
      <alignment vertical="center"/>
    </xf>
    <xf numFmtId="0" fontId="10" fillId="0" borderId="11" xfId="0" applyFont="1" applyFill="1" applyBorder="1" applyAlignment="1">
      <alignment vertical="center"/>
    </xf>
    <xf numFmtId="0" fontId="10" fillId="0" borderId="2" xfId="0" applyFont="1" applyBorder="1" applyAlignment="1">
      <alignment vertical="center"/>
    </xf>
    <xf numFmtId="0" fontId="10" fillId="2" borderId="11" xfId="0" applyFont="1" applyFill="1" applyBorder="1" applyAlignment="1">
      <alignment vertical="center" wrapText="1"/>
    </xf>
    <xf numFmtId="177" fontId="11" fillId="0" borderId="5" xfId="1" applyNumberFormat="1" applyFont="1" applyFill="1" applyBorder="1"/>
    <xf numFmtId="177" fontId="11" fillId="0" borderId="7" xfId="1" applyNumberFormat="1" applyFont="1" applyFill="1" applyBorder="1"/>
    <xf numFmtId="177" fontId="11" fillId="0" borderId="11" xfId="1" applyNumberFormat="1" applyFont="1" applyBorder="1"/>
    <xf numFmtId="177" fontId="11" fillId="0" borderId="8" xfId="1" applyNumberFormat="1" applyFont="1" applyFill="1" applyBorder="1"/>
    <xf numFmtId="177" fontId="11" fillId="0" borderId="5" xfId="1" applyNumberFormat="1" applyFont="1" applyFill="1" applyBorder="1" applyAlignment="1">
      <alignment horizontal="right"/>
    </xf>
    <xf numFmtId="177" fontId="11" fillId="0" borderId="11" xfId="1" applyNumberFormat="1" applyFont="1" applyFill="1" applyBorder="1"/>
    <xf numFmtId="177" fontId="8" fillId="0" borderId="0" xfId="0" applyNumberFormat="1" applyFont="1" applyAlignment="1">
      <alignment vertical="center"/>
    </xf>
    <xf numFmtId="177" fontId="11" fillId="0" borderId="8" xfId="0" applyNumberFormat="1" applyFont="1" applyBorder="1" applyAlignment="1"/>
    <xf numFmtId="177" fontId="11" fillId="0" borderId="5" xfId="0" applyNumberFormat="1" applyFont="1" applyBorder="1" applyAlignment="1"/>
    <xf numFmtId="0" fontId="10" fillId="0" borderId="15" xfId="0" applyFont="1" applyBorder="1" applyAlignment="1">
      <alignment vertical="center"/>
    </xf>
    <xf numFmtId="0" fontId="10" fillId="0" borderId="16" xfId="0" applyFont="1" applyBorder="1" applyAlignment="1">
      <alignment vertical="center"/>
    </xf>
    <xf numFmtId="41" fontId="1" fillId="0" borderId="0" xfId="1" applyNumberFormat="1" applyFont="1" applyFill="1" applyBorder="1" applyAlignment="1">
      <alignment horizontal="right" vertical="center"/>
    </xf>
    <xf numFmtId="0" fontId="8" fillId="0" borderId="0" xfId="0" applyFont="1" applyAlignment="1">
      <alignment horizontal="left" vertical="top" wrapText="1"/>
    </xf>
    <xf numFmtId="183" fontId="1" fillId="0" borderId="0" xfId="0" applyNumberFormat="1" applyFont="1" applyBorder="1" applyAlignment="1">
      <alignment horizontal="right" vertical="center"/>
    </xf>
    <xf numFmtId="0" fontId="0" fillId="0" borderId="0" xfId="0" applyBorder="1" applyAlignment="1">
      <alignment horizontal="right" vertical="center"/>
    </xf>
  </cellXfs>
  <cellStyles count="4">
    <cellStyle name="桁区切り" xfId="1" builtinId="6"/>
    <cellStyle name="桁区切り 2" xfId="2"/>
    <cellStyle name="標準" xfId="0" builtinId="0"/>
    <cellStyle name="標準 4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  <pageSetUpPr fitToPage="1"/>
  </sheetPr>
  <dimension ref="A1:I69"/>
  <sheetViews>
    <sheetView tabSelected="1" zoomScale="60" zoomScaleNormal="60" zoomScaleSheetLayoutView="90" zoomScalePageLayoutView="62" workbookViewId="0"/>
  </sheetViews>
  <sheetFormatPr defaultRowHeight="14.25" x14ac:dyDescent="0.15"/>
  <cols>
    <col min="1" max="1" width="20.25" style="2" customWidth="1"/>
    <col min="2" max="2" width="22.5" style="2" customWidth="1"/>
    <col min="3" max="3" width="34" style="7" customWidth="1"/>
    <col min="4" max="4" width="31.625" style="2" customWidth="1"/>
    <col min="5" max="5" width="18.125" style="2" customWidth="1"/>
    <col min="6" max="6" width="12.5" style="2" customWidth="1"/>
    <col min="7" max="7" width="1.875" style="2" customWidth="1"/>
    <col min="8" max="8" width="9" style="2"/>
    <col min="9" max="9" width="10.25" style="2" customWidth="1"/>
    <col min="10" max="16384" width="9" style="2"/>
  </cols>
  <sheetData>
    <row r="1" spans="1:6" s="7" customFormat="1" ht="27" customHeight="1" x14ac:dyDescent="0.15">
      <c r="A1" s="47" t="s">
        <v>6</v>
      </c>
      <c r="B1" s="48" t="s">
        <v>7</v>
      </c>
      <c r="C1" s="49" t="s">
        <v>13</v>
      </c>
      <c r="D1" s="51" t="s">
        <v>21</v>
      </c>
      <c r="E1" s="50" t="s">
        <v>22</v>
      </c>
      <c r="F1" s="46"/>
    </row>
    <row r="2" spans="1:6" s="7" customFormat="1" ht="21" customHeight="1" x14ac:dyDescent="0.2">
      <c r="A2" s="52" t="s">
        <v>1</v>
      </c>
      <c r="B2" s="52" t="s">
        <v>14</v>
      </c>
      <c r="C2" s="18" t="s">
        <v>11</v>
      </c>
      <c r="D2" s="24">
        <v>11</v>
      </c>
      <c r="E2" s="59">
        <v>22578</v>
      </c>
      <c r="F2" s="67"/>
    </row>
    <row r="3" spans="1:6" s="7" customFormat="1" ht="21" customHeight="1" x14ac:dyDescent="0.2">
      <c r="A3" s="52" t="s">
        <v>1</v>
      </c>
      <c r="B3" s="52" t="s">
        <v>14</v>
      </c>
      <c r="C3" s="20" t="s">
        <v>12</v>
      </c>
      <c r="D3" s="21">
        <v>18</v>
      </c>
      <c r="E3" s="56">
        <v>4136</v>
      </c>
      <c r="F3" s="67"/>
    </row>
    <row r="4" spans="1:6" s="7" customFormat="1" ht="21" customHeight="1" x14ac:dyDescent="0.2">
      <c r="A4" s="52" t="s">
        <v>1</v>
      </c>
      <c r="B4" s="52" t="s">
        <v>14</v>
      </c>
      <c r="C4" s="20" t="s">
        <v>8</v>
      </c>
      <c r="D4" s="22">
        <v>2</v>
      </c>
      <c r="E4" s="60">
        <v>2802</v>
      </c>
      <c r="F4" s="67"/>
    </row>
    <row r="5" spans="1:6" s="14" customFormat="1" ht="21" customHeight="1" x14ac:dyDescent="0.2">
      <c r="A5" s="52" t="s">
        <v>1</v>
      </c>
      <c r="B5" s="52" t="s">
        <v>14</v>
      </c>
      <c r="C5" s="20" t="s">
        <v>9</v>
      </c>
      <c r="D5" s="24">
        <v>0</v>
      </c>
      <c r="E5" s="25">
        <v>0</v>
      </c>
      <c r="F5" s="67"/>
    </row>
    <row r="6" spans="1:6" s="7" customFormat="1" ht="21" customHeight="1" x14ac:dyDescent="0.2">
      <c r="A6" s="52" t="s">
        <v>1</v>
      </c>
      <c r="B6" s="52" t="s">
        <v>14</v>
      </c>
      <c r="C6" s="26" t="s">
        <v>0</v>
      </c>
      <c r="D6" s="27">
        <v>31</v>
      </c>
      <c r="E6" s="57">
        <v>29516</v>
      </c>
      <c r="F6" s="67"/>
    </row>
    <row r="7" spans="1:6" s="7" customFormat="1" ht="21" customHeight="1" x14ac:dyDescent="0.2">
      <c r="A7" s="52" t="s">
        <v>1</v>
      </c>
      <c r="B7" s="53" t="s">
        <v>15</v>
      </c>
      <c r="C7" s="42" t="s">
        <v>11</v>
      </c>
      <c r="D7" s="19">
        <v>21</v>
      </c>
      <c r="E7" s="59">
        <v>53019</v>
      </c>
      <c r="F7" s="67"/>
    </row>
    <row r="8" spans="1:6" s="7" customFormat="1" ht="21" customHeight="1" x14ac:dyDescent="0.2">
      <c r="A8" s="52" t="s">
        <v>1</v>
      </c>
      <c r="B8" s="53" t="s">
        <v>15</v>
      </c>
      <c r="C8" s="43" t="s">
        <v>12</v>
      </c>
      <c r="D8" s="21">
        <v>6</v>
      </c>
      <c r="E8" s="56">
        <v>342</v>
      </c>
      <c r="F8" s="67"/>
    </row>
    <row r="9" spans="1:6" s="7" customFormat="1" ht="21" customHeight="1" x14ac:dyDescent="0.2">
      <c r="A9" s="52" t="s">
        <v>1</v>
      </c>
      <c r="B9" s="53" t="s">
        <v>15</v>
      </c>
      <c r="C9" s="43" t="s">
        <v>8</v>
      </c>
      <c r="D9" s="21">
        <v>5</v>
      </c>
      <c r="E9" s="56">
        <v>3677</v>
      </c>
      <c r="F9" s="67"/>
    </row>
    <row r="10" spans="1:6" s="7" customFormat="1" ht="21" customHeight="1" x14ac:dyDescent="0.2">
      <c r="A10" s="52" t="s">
        <v>1</v>
      </c>
      <c r="B10" s="53" t="s">
        <v>15</v>
      </c>
      <c r="C10" s="43" t="s">
        <v>9</v>
      </c>
      <c r="D10" s="24">
        <v>6</v>
      </c>
      <c r="E10" s="56">
        <v>460</v>
      </c>
      <c r="F10" s="67"/>
    </row>
    <row r="11" spans="1:6" s="7" customFormat="1" ht="21" customHeight="1" x14ac:dyDescent="0.2">
      <c r="A11" s="52" t="s">
        <v>1</v>
      </c>
      <c r="B11" s="53" t="s">
        <v>15</v>
      </c>
      <c r="C11" s="44" t="s">
        <v>0</v>
      </c>
      <c r="D11" s="28">
        <v>32</v>
      </c>
      <c r="E11" s="57">
        <v>56578</v>
      </c>
      <c r="F11" s="67"/>
    </row>
    <row r="12" spans="1:6" s="7" customFormat="1" ht="21" customHeight="1" x14ac:dyDescent="0.2">
      <c r="A12" s="52" t="s">
        <v>1</v>
      </c>
      <c r="B12" s="52" t="s">
        <v>16</v>
      </c>
      <c r="C12" s="18" t="s">
        <v>11</v>
      </c>
      <c r="D12" s="29">
        <v>2</v>
      </c>
      <c r="E12" s="59">
        <v>599</v>
      </c>
      <c r="F12" s="67"/>
    </row>
    <row r="13" spans="1:6" s="7" customFormat="1" ht="21" customHeight="1" x14ac:dyDescent="0.2">
      <c r="A13" s="52" t="s">
        <v>1</v>
      </c>
      <c r="B13" s="52" t="s">
        <v>16</v>
      </c>
      <c r="C13" s="20" t="s">
        <v>12</v>
      </c>
      <c r="D13" s="24">
        <v>18</v>
      </c>
      <c r="E13" s="56">
        <v>3878</v>
      </c>
      <c r="F13" s="67"/>
    </row>
    <row r="14" spans="1:6" s="7" customFormat="1" ht="21" customHeight="1" x14ac:dyDescent="0.2">
      <c r="A14" s="52" t="s">
        <v>1</v>
      </c>
      <c r="B14" s="52" t="s">
        <v>16</v>
      </c>
      <c r="C14" s="20" t="s">
        <v>8</v>
      </c>
      <c r="D14" s="22">
        <v>2</v>
      </c>
      <c r="E14" s="60">
        <v>4249</v>
      </c>
      <c r="F14" s="67"/>
    </row>
    <row r="15" spans="1:6" s="7" customFormat="1" ht="21" customHeight="1" x14ac:dyDescent="0.2">
      <c r="A15" s="52" t="s">
        <v>1</v>
      </c>
      <c r="B15" s="52" t="s">
        <v>16</v>
      </c>
      <c r="C15" s="20" t="s">
        <v>9</v>
      </c>
      <c r="D15" s="24">
        <v>0</v>
      </c>
      <c r="E15" s="25">
        <v>0</v>
      </c>
      <c r="F15" s="67"/>
    </row>
    <row r="16" spans="1:6" s="7" customFormat="1" ht="21" customHeight="1" x14ac:dyDescent="0.2">
      <c r="A16" s="52" t="s">
        <v>1</v>
      </c>
      <c r="B16" s="52" t="s">
        <v>16</v>
      </c>
      <c r="C16" s="26" t="s">
        <v>0</v>
      </c>
      <c r="D16" s="27">
        <v>22</v>
      </c>
      <c r="E16" s="57">
        <v>8726</v>
      </c>
      <c r="F16" s="67"/>
    </row>
    <row r="17" spans="1:6" s="7" customFormat="1" ht="21" customHeight="1" x14ac:dyDescent="0.2">
      <c r="A17" s="52" t="s">
        <v>1</v>
      </c>
      <c r="B17" s="31"/>
      <c r="C17" s="32" t="s">
        <v>0</v>
      </c>
      <c r="D17" s="33">
        <v>85</v>
      </c>
      <c r="E17" s="61">
        <v>94820</v>
      </c>
      <c r="F17" s="13"/>
    </row>
    <row r="18" spans="1:6" s="7" customFormat="1" ht="21" customHeight="1" x14ac:dyDescent="0.2">
      <c r="A18" s="54" t="s">
        <v>2</v>
      </c>
      <c r="B18" s="55" t="s">
        <v>17</v>
      </c>
      <c r="C18" s="18" t="s">
        <v>11</v>
      </c>
      <c r="D18" s="19">
        <v>28</v>
      </c>
      <c r="E18" s="59">
        <v>11083</v>
      </c>
      <c r="F18" s="67"/>
    </row>
    <row r="19" spans="1:6" s="7" customFormat="1" ht="21" customHeight="1" x14ac:dyDescent="0.2">
      <c r="A19" s="54" t="s">
        <v>2</v>
      </c>
      <c r="B19" s="55" t="s">
        <v>17</v>
      </c>
      <c r="C19" s="20" t="s">
        <v>12</v>
      </c>
      <c r="D19" s="21">
        <v>55</v>
      </c>
      <c r="E19" s="56">
        <v>18687</v>
      </c>
      <c r="F19" s="67"/>
    </row>
    <row r="20" spans="1:6" s="7" customFormat="1" ht="21" customHeight="1" x14ac:dyDescent="0.2">
      <c r="A20" s="54" t="s">
        <v>2</v>
      </c>
      <c r="B20" s="55" t="s">
        <v>17</v>
      </c>
      <c r="C20" s="20" t="s">
        <v>8</v>
      </c>
      <c r="D20" s="21">
        <v>6</v>
      </c>
      <c r="E20" s="56">
        <v>4908</v>
      </c>
      <c r="F20" s="67"/>
    </row>
    <row r="21" spans="1:6" s="7" customFormat="1" ht="21" customHeight="1" x14ac:dyDescent="0.2">
      <c r="A21" s="54" t="s">
        <v>2</v>
      </c>
      <c r="B21" s="55" t="s">
        <v>17</v>
      </c>
      <c r="C21" s="20" t="s">
        <v>9</v>
      </c>
      <c r="D21" s="24">
        <v>1</v>
      </c>
      <c r="E21" s="56">
        <v>81</v>
      </c>
      <c r="F21" s="67"/>
    </row>
    <row r="22" spans="1:6" s="7" customFormat="1" ht="21" customHeight="1" x14ac:dyDescent="0.2">
      <c r="A22" s="54" t="s">
        <v>2</v>
      </c>
      <c r="B22" s="55" t="s">
        <v>17</v>
      </c>
      <c r="C22" s="26" t="s">
        <v>0</v>
      </c>
      <c r="D22" s="27">
        <v>89</v>
      </c>
      <c r="E22" s="57">
        <v>34597</v>
      </c>
      <c r="F22" s="67"/>
    </row>
    <row r="23" spans="1:6" s="7" customFormat="1" ht="21" customHeight="1" x14ac:dyDescent="0.2">
      <c r="A23" s="54" t="s">
        <v>2</v>
      </c>
      <c r="B23" s="53" t="s">
        <v>18</v>
      </c>
      <c r="C23" s="42" t="s">
        <v>11</v>
      </c>
      <c r="D23" s="24">
        <v>2</v>
      </c>
      <c r="E23" s="56">
        <v>350</v>
      </c>
      <c r="F23" s="67"/>
    </row>
    <row r="24" spans="1:6" s="7" customFormat="1" ht="21" customHeight="1" x14ac:dyDescent="0.2">
      <c r="A24" s="54" t="s">
        <v>2</v>
      </c>
      <c r="B24" s="53" t="s">
        <v>18</v>
      </c>
      <c r="C24" s="43" t="s">
        <v>12</v>
      </c>
      <c r="D24" s="21">
        <v>47</v>
      </c>
      <c r="E24" s="56">
        <v>5797</v>
      </c>
      <c r="F24" s="67"/>
    </row>
    <row r="25" spans="1:6" s="7" customFormat="1" ht="21" customHeight="1" x14ac:dyDescent="0.2">
      <c r="A25" s="54" t="s">
        <v>2</v>
      </c>
      <c r="B25" s="53" t="s">
        <v>18</v>
      </c>
      <c r="C25" s="43" t="s">
        <v>8</v>
      </c>
      <c r="D25" s="21">
        <v>4</v>
      </c>
      <c r="E25" s="56">
        <v>3225</v>
      </c>
      <c r="F25" s="67"/>
    </row>
    <row r="26" spans="1:6" s="7" customFormat="1" ht="21" customHeight="1" x14ac:dyDescent="0.2">
      <c r="A26" s="54" t="s">
        <v>2</v>
      </c>
      <c r="B26" s="53" t="s">
        <v>18</v>
      </c>
      <c r="C26" s="43" t="s">
        <v>9</v>
      </c>
      <c r="D26" s="24">
        <v>2</v>
      </c>
      <c r="E26" s="56">
        <v>30</v>
      </c>
      <c r="F26" s="67"/>
    </row>
    <row r="27" spans="1:6" s="7" customFormat="1" ht="21" customHeight="1" x14ac:dyDescent="0.2">
      <c r="A27" s="54" t="s">
        <v>2</v>
      </c>
      <c r="B27" s="53" t="s">
        <v>18</v>
      </c>
      <c r="C27" s="44" t="s">
        <v>0</v>
      </c>
      <c r="D27" s="28">
        <v>53</v>
      </c>
      <c r="E27" s="57">
        <v>9342</v>
      </c>
      <c r="F27" s="67"/>
    </row>
    <row r="28" spans="1:6" s="7" customFormat="1" ht="21" customHeight="1" x14ac:dyDescent="0.2">
      <c r="A28" s="54" t="s">
        <v>2</v>
      </c>
      <c r="B28" s="31"/>
      <c r="C28" s="32" t="s">
        <v>0</v>
      </c>
      <c r="D28" s="34">
        <v>142</v>
      </c>
      <c r="E28" s="58">
        <v>43939</v>
      </c>
      <c r="F28" s="12"/>
    </row>
    <row r="29" spans="1:6" s="7" customFormat="1" ht="21" customHeight="1" x14ac:dyDescent="0.2">
      <c r="A29" s="52" t="s">
        <v>3</v>
      </c>
      <c r="B29" s="52" t="s">
        <v>19</v>
      </c>
      <c r="C29" s="18" t="s">
        <v>11</v>
      </c>
      <c r="D29" s="19">
        <v>6</v>
      </c>
      <c r="E29" s="59">
        <v>847</v>
      </c>
      <c r="F29" s="67"/>
    </row>
    <row r="30" spans="1:6" s="7" customFormat="1" ht="21" customHeight="1" x14ac:dyDescent="0.2">
      <c r="A30" s="52" t="s">
        <v>3</v>
      </c>
      <c r="B30" s="52" t="s">
        <v>19</v>
      </c>
      <c r="C30" s="20" t="s">
        <v>12</v>
      </c>
      <c r="D30" s="21">
        <v>70</v>
      </c>
      <c r="E30" s="56">
        <v>12879</v>
      </c>
      <c r="F30" s="67"/>
    </row>
    <row r="31" spans="1:6" s="7" customFormat="1" ht="21" customHeight="1" x14ac:dyDescent="0.2">
      <c r="A31" s="52" t="s">
        <v>3</v>
      </c>
      <c r="B31" s="52" t="s">
        <v>19</v>
      </c>
      <c r="C31" s="20" t="s">
        <v>8</v>
      </c>
      <c r="D31" s="21">
        <v>3</v>
      </c>
      <c r="E31" s="56">
        <v>4365</v>
      </c>
      <c r="F31" s="67"/>
    </row>
    <row r="32" spans="1:6" s="7" customFormat="1" ht="21" customHeight="1" x14ac:dyDescent="0.2">
      <c r="A32" s="52" t="s">
        <v>3</v>
      </c>
      <c r="B32" s="52" t="s">
        <v>19</v>
      </c>
      <c r="C32" s="20" t="s">
        <v>9</v>
      </c>
      <c r="D32" s="35">
        <v>0</v>
      </c>
      <c r="E32" s="36">
        <v>0</v>
      </c>
      <c r="F32" s="67"/>
    </row>
    <row r="33" spans="1:8" s="7" customFormat="1" ht="21" customHeight="1" x14ac:dyDescent="0.2">
      <c r="A33" s="52" t="s">
        <v>3</v>
      </c>
      <c r="B33" s="52" t="s">
        <v>19</v>
      </c>
      <c r="C33" s="26" t="s">
        <v>0</v>
      </c>
      <c r="D33" s="27">
        <v>79</v>
      </c>
      <c r="E33" s="57">
        <v>18091</v>
      </c>
      <c r="F33" s="67"/>
    </row>
    <row r="34" spans="1:8" s="7" customFormat="1" ht="21" customHeight="1" x14ac:dyDescent="0.2">
      <c r="A34" s="52" t="s">
        <v>20</v>
      </c>
      <c r="B34" s="52" t="s">
        <v>20</v>
      </c>
      <c r="C34" s="18" t="s">
        <v>11</v>
      </c>
      <c r="D34" s="29">
        <v>0</v>
      </c>
      <c r="E34" s="30">
        <v>0</v>
      </c>
      <c r="F34" s="67"/>
    </row>
    <row r="35" spans="1:8" s="7" customFormat="1" ht="21" customHeight="1" x14ac:dyDescent="0.2">
      <c r="A35" s="52" t="s">
        <v>20</v>
      </c>
      <c r="B35" s="52" t="s">
        <v>20</v>
      </c>
      <c r="C35" s="20" t="s">
        <v>12</v>
      </c>
      <c r="D35" s="24">
        <v>33</v>
      </c>
      <c r="E35" s="56">
        <v>9240</v>
      </c>
      <c r="F35" s="67"/>
    </row>
    <row r="36" spans="1:8" s="7" customFormat="1" ht="21" customHeight="1" x14ac:dyDescent="0.2">
      <c r="A36" s="52" t="s">
        <v>20</v>
      </c>
      <c r="B36" s="52" t="s">
        <v>20</v>
      </c>
      <c r="C36" s="20" t="s">
        <v>8</v>
      </c>
      <c r="D36" s="24">
        <v>4</v>
      </c>
      <c r="E36" s="56">
        <v>1429</v>
      </c>
      <c r="F36" s="67"/>
    </row>
    <row r="37" spans="1:8" s="7" customFormat="1" ht="21" customHeight="1" x14ac:dyDescent="0.2">
      <c r="A37" s="52" t="s">
        <v>20</v>
      </c>
      <c r="B37" s="52" t="s">
        <v>20</v>
      </c>
      <c r="C37" s="20" t="s">
        <v>9</v>
      </c>
      <c r="D37" s="35">
        <v>0</v>
      </c>
      <c r="E37" s="36">
        <v>0</v>
      </c>
      <c r="F37" s="67"/>
    </row>
    <row r="38" spans="1:8" s="7" customFormat="1" ht="21" customHeight="1" x14ac:dyDescent="0.2">
      <c r="A38" s="52" t="s">
        <v>20</v>
      </c>
      <c r="B38" s="52" t="s">
        <v>20</v>
      </c>
      <c r="C38" s="26" t="s">
        <v>0</v>
      </c>
      <c r="D38" s="37">
        <v>37</v>
      </c>
      <c r="E38" s="57">
        <v>10669</v>
      </c>
      <c r="F38" s="67"/>
    </row>
    <row r="39" spans="1:8" s="7" customFormat="1" ht="21" customHeight="1" x14ac:dyDescent="0.2">
      <c r="A39" s="54" t="s">
        <v>4</v>
      </c>
      <c r="B39" s="54" t="s">
        <v>4</v>
      </c>
      <c r="C39" s="18" t="s">
        <v>11</v>
      </c>
      <c r="D39" s="29">
        <v>0</v>
      </c>
      <c r="E39" s="30">
        <v>0</v>
      </c>
      <c r="F39" s="67"/>
    </row>
    <row r="40" spans="1:8" s="7" customFormat="1" ht="21" customHeight="1" x14ac:dyDescent="0.2">
      <c r="A40" s="54" t="s">
        <v>4</v>
      </c>
      <c r="B40" s="54" t="s">
        <v>4</v>
      </c>
      <c r="C40" s="38" t="s">
        <v>12</v>
      </c>
      <c r="D40" s="24">
        <v>0</v>
      </c>
      <c r="E40" s="25">
        <v>0</v>
      </c>
      <c r="F40" s="67"/>
    </row>
    <row r="41" spans="1:8" s="7" customFormat="1" ht="21" customHeight="1" x14ac:dyDescent="0.2">
      <c r="A41" s="54" t="s">
        <v>4</v>
      </c>
      <c r="B41" s="54" t="s">
        <v>4</v>
      </c>
      <c r="C41" s="20" t="s">
        <v>8</v>
      </c>
      <c r="D41" s="22">
        <v>3</v>
      </c>
      <c r="E41" s="23">
        <v>629</v>
      </c>
      <c r="F41" s="67"/>
      <c r="H41" s="62"/>
    </row>
    <row r="42" spans="1:8" s="7" customFormat="1" ht="21" customHeight="1" x14ac:dyDescent="0.2">
      <c r="A42" s="54" t="s">
        <v>4</v>
      </c>
      <c r="B42" s="54" t="s">
        <v>4</v>
      </c>
      <c r="C42" s="20" t="s">
        <v>9</v>
      </c>
      <c r="D42" s="24">
        <v>0</v>
      </c>
      <c r="E42" s="25">
        <v>0</v>
      </c>
      <c r="F42" s="67"/>
    </row>
    <row r="43" spans="1:8" s="7" customFormat="1" ht="21" customHeight="1" x14ac:dyDescent="0.2">
      <c r="A43" s="54" t="s">
        <v>4</v>
      </c>
      <c r="B43" s="54" t="s">
        <v>4</v>
      </c>
      <c r="C43" s="26" t="s">
        <v>0</v>
      </c>
      <c r="D43" s="27">
        <v>3</v>
      </c>
      <c r="E43" s="28">
        <v>629</v>
      </c>
      <c r="F43" s="67"/>
    </row>
    <row r="44" spans="1:8" s="7" customFormat="1" ht="21" customHeight="1" x14ac:dyDescent="0.2">
      <c r="A44" s="54" t="s">
        <v>5</v>
      </c>
      <c r="B44" s="54" t="s">
        <v>5</v>
      </c>
      <c r="C44" s="18" t="s">
        <v>11</v>
      </c>
      <c r="D44" s="29">
        <v>0</v>
      </c>
      <c r="E44" s="30">
        <v>0</v>
      </c>
      <c r="F44" s="67"/>
    </row>
    <row r="45" spans="1:8" s="7" customFormat="1" ht="21" customHeight="1" x14ac:dyDescent="0.2">
      <c r="A45" s="54" t="s">
        <v>5</v>
      </c>
      <c r="B45" s="54" t="s">
        <v>5</v>
      </c>
      <c r="C45" s="38" t="s">
        <v>12</v>
      </c>
      <c r="D45" s="24">
        <v>0</v>
      </c>
      <c r="E45" s="25">
        <v>0</v>
      </c>
      <c r="F45" s="67"/>
    </row>
    <row r="46" spans="1:8" s="7" customFormat="1" ht="21" customHeight="1" x14ac:dyDescent="0.2">
      <c r="A46" s="54" t="s">
        <v>5</v>
      </c>
      <c r="B46" s="54" t="s">
        <v>5</v>
      </c>
      <c r="C46" s="20" t="s">
        <v>8</v>
      </c>
      <c r="D46" s="22">
        <v>7</v>
      </c>
      <c r="E46" s="60">
        <v>28120</v>
      </c>
      <c r="F46" s="67"/>
    </row>
    <row r="47" spans="1:8" s="7" customFormat="1" ht="21" customHeight="1" x14ac:dyDescent="0.2">
      <c r="A47" s="54" t="s">
        <v>5</v>
      </c>
      <c r="B47" s="54" t="s">
        <v>5</v>
      </c>
      <c r="C47" s="20" t="s">
        <v>9</v>
      </c>
      <c r="D47" s="24">
        <v>0</v>
      </c>
      <c r="E47" s="25">
        <v>0</v>
      </c>
      <c r="F47" s="67"/>
    </row>
    <row r="48" spans="1:8" s="7" customFormat="1" ht="21" customHeight="1" x14ac:dyDescent="0.2">
      <c r="A48" s="54" t="s">
        <v>5</v>
      </c>
      <c r="B48" s="54" t="s">
        <v>5</v>
      </c>
      <c r="C48" s="26" t="s">
        <v>0</v>
      </c>
      <c r="D48" s="27">
        <v>7</v>
      </c>
      <c r="E48" s="57">
        <v>28120</v>
      </c>
      <c r="F48" s="67"/>
    </row>
    <row r="49" spans="1:9" s="7" customFormat="1" ht="21" customHeight="1" x14ac:dyDescent="0.2">
      <c r="A49" s="54" t="s">
        <v>10</v>
      </c>
      <c r="B49" s="54" t="s">
        <v>10</v>
      </c>
      <c r="C49" s="18" t="s">
        <v>11</v>
      </c>
      <c r="D49" s="39">
        <v>70</v>
      </c>
      <c r="E49" s="63">
        <v>88476</v>
      </c>
      <c r="F49" s="69"/>
    </row>
    <row r="50" spans="1:9" s="7" customFormat="1" ht="21" customHeight="1" x14ac:dyDescent="0.2">
      <c r="A50" s="54" t="s">
        <v>10</v>
      </c>
      <c r="B50" s="54" t="s">
        <v>10</v>
      </c>
      <c r="C50" s="38" t="s">
        <v>12</v>
      </c>
      <c r="D50" s="40">
        <v>247</v>
      </c>
      <c r="E50" s="64">
        <v>54960</v>
      </c>
      <c r="F50" s="69"/>
    </row>
    <row r="51" spans="1:9" s="7" customFormat="1" ht="21" customHeight="1" x14ac:dyDescent="0.2">
      <c r="A51" s="54" t="s">
        <v>10</v>
      </c>
      <c r="B51" s="54" t="s">
        <v>10</v>
      </c>
      <c r="C51" s="20" t="s">
        <v>8</v>
      </c>
      <c r="D51" s="41">
        <v>36</v>
      </c>
      <c r="E51" s="64">
        <v>53404</v>
      </c>
      <c r="F51" s="70"/>
    </row>
    <row r="52" spans="1:9" s="7" customFormat="1" ht="21" customHeight="1" x14ac:dyDescent="0.2">
      <c r="A52" s="54" t="s">
        <v>10</v>
      </c>
      <c r="B52" s="54" t="s">
        <v>10</v>
      </c>
      <c r="C52" s="20" t="s">
        <v>9</v>
      </c>
      <c r="D52" s="41">
        <v>9</v>
      </c>
      <c r="E52" s="64">
        <v>571</v>
      </c>
      <c r="F52" s="70"/>
    </row>
    <row r="53" spans="1:9" s="7" customFormat="1" ht="21" customHeight="1" x14ac:dyDescent="0.2">
      <c r="A53" s="65" t="s">
        <v>10</v>
      </c>
      <c r="B53" s="66" t="s">
        <v>10</v>
      </c>
      <c r="C53" s="26" t="s">
        <v>0</v>
      </c>
      <c r="D53" s="27">
        <v>353</v>
      </c>
      <c r="E53" s="57">
        <v>196268</v>
      </c>
      <c r="F53" s="70"/>
    </row>
    <row r="54" spans="1:9" s="7" customFormat="1" ht="14.25" customHeight="1" x14ac:dyDescent="0.15">
      <c r="A54" s="10"/>
      <c r="B54" s="10"/>
      <c r="C54" s="11"/>
      <c r="D54" s="12"/>
      <c r="E54" s="13"/>
      <c r="F54" s="13"/>
    </row>
    <row r="55" spans="1:9" s="15" customFormat="1" ht="51" customHeight="1" x14ac:dyDescent="0.15">
      <c r="A55" s="45"/>
      <c r="B55" s="68"/>
      <c r="C55" s="68"/>
      <c r="D55" s="68"/>
      <c r="E55" s="68"/>
      <c r="F55" s="17"/>
    </row>
    <row r="56" spans="1:9" s="15" customFormat="1" ht="30" customHeight="1" x14ac:dyDescent="0.15">
      <c r="A56" s="16"/>
    </row>
    <row r="57" spans="1:9" ht="20.25" customHeight="1" x14ac:dyDescent="0.15">
      <c r="A57"/>
      <c r="B57"/>
      <c r="C57"/>
      <c r="D57"/>
      <c r="E57"/>
      <c r="F57"/>
      <c r="G57"/>
      <c r="H57"/>
      <c r="I57"/>
    </row>
    <row r="58" spans="1:9" ht="16.5" customHeight="1" x14ac:dyDescent="0.15">
      <c r="A58"/>
      <c r="B58"/>
      <c r="C58"/>
      <c r="D58"/>
      <c r="E58"/>
      <c r="F58"/>
      <c r="G58"/>
      <c r="H58"/>
      <c r="I58"/>
    </row>
    <row r="59" spans="1:9" ht="16.5" customHeight="1" x14ac:dyDescent="0.15">
      <c r="A59"/>
      <c r="B59"/>
      <c r="C59"/>
      <c r="D59"/>
      <c r="E59"/>
      <c r="F59"/>
      <c r="G59"/>
      <c r="H59"/>
      <c r="I59"/>
    </row>
    <row r="60" spans="1:9" ht="16.5" customHeight="1" x14ac:dyDescent="0.15">
      <c r="A60" s="5"/>
      <c r="C60" s="1"/>
      <c r="D60" s="1"/>
      <c r="E60" s="1"/>
      <c r="F60" s="1"/>
      <c r="G60" s="1"/>
      <c r="H60" s="1"/>
      <c r="I60" s="1"/>
    </row>
    <row r="61" spans="1:9" ht="16.5" customHeight="1" x14ac:dyDescent="0.15">
      <c r="A61" s="5"/>
      <c r="C61" s="8"/>
      <c r="D61" s="3"/>
      <c r="E61" s="3"/>
      <c r="F61" s="3"/>
      <c r="G61" s="3"/>
      <c r="H61" s="3"/>
      <c r="I61" s="3"/>
    </row>
    <row r="63" spans="1:9" x14ac:dyDescent="0.15">
      <c r="A63" s="5"/>
      <c r="C63" s="9"/>
      <c r="H63" s="4"/>
      <c r="I63" s="4"/>
    </row>
    <row r="64" spans="1:9" x14ac:dyDescent="0.15">
      <c r="A64" s="5"/>
    </row>
    <row r="65" spans="1:1" x14ac:dyDescent="0.15">
      <c r="A65" s="6"/>
    </row>
    <row r="67" spans="1:1" x14ac:dyDescent="0.15">
      <c r="A67" s="6"/>
    </row>
    <row r="68" spans="1:1" x14ac:dyDescent="0.15">
      <c r="A68" s="5"/>
    </row>
    <row r="69" spans="1:1" x14ac:dyDescent="0.15">
      <c r="A69" s="5"/>
    </row>
  </sheetData>
  <mergeCells count="11">
    <mergeCell ref="F18:F22"/>
    <mergeCell ref="F23:F27"/>
    <mergeCell ref="F29:F33"/>
    <mergeCell ref="F2:F6"/>
    <mergeCell ref="F7:F11"/>
    <mergeCell ref="F12:F16"/>
    <mergeCell ref="B55:E55"/>
    <mergeCell ref="F44:F48"/>
    <mergeCell ref="F34:F38"/>
    <mergeCell ref="F49:F53"/>
    <mergeCell ref="F39:F43"/>
  </mergeCells>
  <phoneticPr fontId="2"/>
  <printOptions horizontalCentered="1"/>
  <pageMargins left="0.70866141732283472" right="0.51181102362204722" top="1.1811023622047245" bottom="0.47244094488188981" header="0.62992125984251968" footer="0.51181102362204722"/>
  <pageSetup paperSize="9" scale="59" pageOrder="overThenDown" orientation="portrait" r:id="rId1"/>
  <headerFooter scaleWithDoc="0">
    <oddHeader>&amp;L&amp;"ＭＳ 明朝,標準"&amp;18 11. 森林経営計画認定実績
　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1</vt:lpstr>
      <vt:lpstr>'11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</dc:creator>
  <cp:lastModifiedBy>Windows ユーザー</cp:lastModifiedBy>
  <cp:lastPrinted>2018-08-02T07:39:30Z</cp:lastPrinted>
  <dcterms:created xsi:type="dcterms:W3CDTF">2002-12-03T05:28:18Z</dcterms:created>
  <dcterms:modified xsi:type="dcterms:W3CDTF">2019-08-28T00:53:37Z</dcterms:modified>
</cp:coreProperties>
</file>